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96" r:id="rId1"/>
  </p:sldMasterIdLst>
  <p:sldIdLst>
    <p:sldId id="268" r:id="rId2"/>
    <p:sldId id="269" r:id="rId3"/>
    <p:sldId id="270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F1216"/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7" autoAdjust="0"/>
    <p:restoredTop sz="95217" autoAdjust="0"/>
  </p:normalViewPr>
  <p:slideViewPr>
    <p:cSldViewPr snapToGrid="0">
      <p:cViewPr>
        <p:scale>
          <a:sx n="125" d="100"/>
          <a:sy n="125" d="100"/>
        </p:scale>
        <p:origin x="-24" y="-23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1691002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48875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68737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84551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964893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905658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64400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024737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988129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425008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04012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6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30714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Layout" Target="../slideLayouts/slideLayout6.xml"/><Relationship Id="rId1" Type="http://schemas.openxmlformats.org/officeDocument/2006/relationships/vmlDrawing" Target="../drawings/vmlDrawing1.vml"/><Relationship Id="rId4" Type="http://schemas.openxmlformats.org/officeDocument/2006/relationships/image" Target="../media/image1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300" name="OTLSHAPE_T_c3d685d5ae854fb185925e527e534f28_RightVerticalConnector2"/>
          <p:cNvCxnSpPr/>
          <p:nvPr>
            <p:custDataLst>
              <p:tags r:id="rId2"/>
            </p:custDataLst>
          </p:nvPr>
        </p:nvCxnSpPr>
        <p:spPr>
          <a:xfrm>
            <a:off x="4064330" y="756153"/>
            <a:ext cx="0" cy="3617118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98" name="OTLSHAPE_T_c3d685d5ae854fb185925e527e534f28_LeftVerticalConnector1"/>
          <p:cNvCxnSpPr>
            <a:stCxn id="91" idx="2"/>
          </p:cNvCxnSpPr>
          <p:nvPr>
            <p:custDataLst>
              <p:tags r:id="rId3"/>
            </p:custDataLst>
          </p:nvPr>
        </p:nvCxnSpPr>
        <p:spPr>
          <a:xfrm>
            <a:off x="712938" y="718301"/>
            <a:ext cx="1574" cy="3617118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80" name="OTLSHAPE_TB_00000000000000000000000000000000_LeftEndCaps" hidden="1"/>
          <p:cNvSpPr txBox="1"/>
          <p:nvPr>
            <p:custDataLst>
              <p:tags r:id="rId4"/>
            </p:custDataLst>
          </p:nvPr>
        </p:nvSpPr>
        <p:spPr>
          <a:xfrm>
            <a:off x="254000" y="4427682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mtClean="0">
                <a:solidFill>
                  <a:srgbClr val="FF4500"/>
                </a:solidFill>
                <a:latin typeface="Calibri" panose="020F0502020204030204" pitchFamily="34" charset="0"/>
              </a:rPr>
              <a:t>2017</a:t>
            </a:r>
            <a:endParaRPr lang="en-US" sz="1300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51281" name="OTLSHAPE_TB_00000000000000000000000000000000_RightEndCaps" hidden="1"/>
          <p:cNvSpPr txBox="1"/>
          <p:nvPr>
            <p:custDataLst>
              <p:tags r:id="rId5"/>
            </p:custDataLst>
          </p:nvPr>
        </p:nvSpPr>
        <p:spPr>
          <a:xfrm>
            <a:off x="11603228" y="4427682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mtClean="0">
                <a:solidFill>
                  <a:srgbClr val="FF4500"/>
                </a:solidFill>
                <a:latin typeface="Calibri" panose="020F0502020204030204" pitchFamily="34" charset="0"/>
              </a:rPr>
              <a:t>2018</a:t>
            </a:r>
            <a:endParaRPr lang="en-US" sz="1300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51282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12937" y="4335419"/>
            <a:ext cx="10754035" cy="711121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3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5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661343" y="4718957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6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715772" y="4845957"/>
            <a:ext cx="267702" cy="1077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  <a:endParaRPr lang="en-US" sz="70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1289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743261" y="4535223"/>
            <a:ext cx="25583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Sep</a:t>
            </a:r>
            <a:endParaRPr lang="en-US" sz="1400" b="1" spc="-20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1290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2362309" y="4535223"/>
            <a:ext cx="231795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2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Oct</a:t>
            </a:r>
            <a:endParaRPr lang="en-US" sz="1400" b="1" spc="-22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1291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3957313" y="4541221"/>
            <a:ext cx="231923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2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Nov</a:t>
            </a:r>
            <a:endParaRPr lang="en-US" sz="1400" b="1" spc="-22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1292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5552445" y="4541221"/>
            <a:ext cx="243977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16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Dec</a:t>
            </a:r>
            <a:endParaRPr lang="en-US" sz="1400" b="1" spc="-16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1293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7019465" y="4535223"/>
            <a:ext cx="25596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2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Jan 2019</a:t>
            </a:r>
            <a:endParaRPr lang="en-US" sz="1400" b="1" spc="-22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1294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8778808" y="4535223"/>
            <a:ext cx="280077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12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Feb</a:t>
            </a:r>
            <a:endParaRPr lang="en-US" sz="1400" b="1" spc="-12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1295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10422096" y="4535223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2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Mar</a:t>
            </a:r>
            <a:endParaRPr lang="en-US" sz="1400" b="1" spc="-22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13" name="OTLSHAPE_M_f03de49e98d34b15881cebc29ed3eaf9_Date" hidden="1"/>
          <p:cNvSpPr txBox="1"/>
          <p:nvPr>
            <p:custDataLst>
              <p:tags r:id="rId17"/>
            </p:custDataLst>
          </p:nvPr>
        </p:nvSpPr>
        <p:spPr>
          <a:xfrm>
            <a:off x="3711357" y="4005944"/>
            <a:ext cx="0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rgbClr val="B22600"/>
                </a:solidFill>
                <a:latin typeface="Century Gothic" panose="020B0502020202020204" pitchFamily="34" charset="0"/>
              </a:rPr>
              <a:t>Aug 15</a:t>
            </a:r>
            <a:endParaRPr lang="en-US" sz="900">
              <a:solidFill>
                <a:srgbClr val="B22600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16" name="OTLSHAPE_M_dbb50f5633bf443f924a9b2a6c194bf9_Date" hidden="1"/>
          <p:cNvSpPr txBox="1"/>
          <p:nvPr>
            <p:custDataLst>
              <p:tags r:id="rId18"/>
            </p:custDataLst>
          </p:nvPr>
        </p:nvSpPr>
        <p:spPr>
          <a:xfrm>
            <a:off x="10963826" y="4001622"/>
            <a:ext cx="0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mtClean="0">
                <a:solidFill>
                  <a:schemeClr val="dk1"/>
                </a:solidFill>
                <a:latin typeface="Century Gothic" panose="020B0502020202020204" pitchFamily="34" charset="0"/>
              </a:rPr>
              <a:t>Feb 15</a:t>
            </a:r>
            <a:endParaRPr lang="en-US" sz="900" b="1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22" name="OTLSHAPE_M_63da6123fb43419aa85eb83df0c979f6_Date" hidden="1"/>
          <p:cNvSpPr txBox="1"/>
          <p:nvPr>
            <p:custDataLst>
              <p:tags r:id="rId19"/>
            </p:custDataLst>
          </p:nvPr>
        </p:nvSpPr>
        <p:spPr>
          <a:xfrm>
            <a:off x="7140514" y="5326741"/>
            <a:ext cx="0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rgbClr val="B22600"/>
                </a:solidFill>
                <a:latin typeface="Century Gothic" panose="020B0502020202020204" pitchFamily="34" charset="0"/>
              </a:rPr>
              <a:t>Nov 10</a:t>
            </a:r>
            <a:endParaRPr lang="en-US" sz="900">
              <a:solidFill>
                <a:srgbClr val="B22600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28" name="OTLSHAPE_T_c3d685d5ae854fb185925e527e534f28_ShapePercentage" hidden="1"/>
          <p:cNvSpPr/>
          <p:nvPr>
            <p:custDataLst>
              <p:tags r:id="rId20"/>
            </p:custDataLst>
          </p:nvPr>
        </p:nvSpPr>
        <p:spPr>
          <a:xfrm>
            <a:off x="2055902" y="21764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9" name="OTLSHAPE_T_c3d685d5ae854fb185925e527e534f28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2176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30" name="OTLSHAPE_T_c3d685d5ae854fb185925e527e534f28_StartDate" hidden="1"/>
          <p:cNvSpPr txBox="1"/>
          <p:nvPr>
            <p:custDataLst>
              <p:tags r:id="rId22"/>
            </p:custDataLst>
          </p:nvPr>
        </p:nvSpPr>
        <p:spPr>
          <a:xfrm>
            <a:off x="0" y="21764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31" name="OTLSHAPE_T_c3d685d5ae854fb185925e527e534f28_EndDate" hidden="1"/>
          <p:cNvSpPr txBox="1"/>
          <p:nvPr>
            <p:custDataLst>
              <p:tags r:id="rId23"/>
            </p:custDataLst>
          </p:nvPr>
        </p:nvSpPr>
        <p:spPr>
          <a:xfrm>
            <a:off x="0" y="21764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36" name="OTLSHAPE_T_a521783cf3084313af760cd9c2923e3c_ShapePercentage" hidden="1"/>
          <p:cNvSpPr/>
          <p:nvPr>
            <p:custDataLst>
              <p:tags r:id="rId24"/>
            </p:custDataLst>
          </p:nvPr>
        </p:nvSpPr>
        <p:spPr>
          <a:xfrm>
            <a:off x="3041292" y="25066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37" name="OTLSHAPE_T_a521783cf3084313af760cd9c2923e3c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25066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38" name="OTLSHAPE_T_a521783cf3084313af760cd9c2923e3c_StartDate" hidden="1"/>
          <p:cNvSpPr txBox="1"/>
          <p:nvPr>
            <p:custDataLst>
              <p:tags r:id="rId26"/>
            </p:custDataLst>
          </p:nvPr>
        </p:nvSpPr>
        <p:spPr>
          <a:xfrm>
            <a:off x="0" y="25066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39" name="OTLSHAPE_T_a521783cf3084313af760cd9c2923e3c_EndDate" hidden="1"/>
          <p:cNvSpPr txBox="1"/>
          <p:nvPr>
            <p:custDataLst>
              <p:tags r:id="rId27"/>
            </p:custDataLst>
          </p:nvPr>
        </p:nvSpPr>
        <p:spPr>
          <a:xfrm>
            <a:off x="0" y="25066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44" name="OTLSHAPE_T_9cde6d5d307b4df7b1464248cab7fef6_ShapePercentage" hidden="1"/>
          <p:cNvSpPr/>
          <p:nvPr>
            <p:custDataLst>
              <p:tags r:id="rId28"/>
            </p:custDataLst>
          </p:nvPr>
        </p:nvSpPr>
        <p:spPr>
          <a:xfrm>
            <a:off x="3869019" y="28368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45" name="OTLSHAPE_T_9cde6d5d307b4df7b1464248cab7fef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28368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46" name="OTLSHAPE_T_9cde6d5d307b4df7b1464248cab7fef6_StartDate" hidden="1"/>
          <p:cNvSpPr txBox="1"/>
          <p:nvPr>
            <p:custDataLst>
              <p:tags r:id="rId30"/>
            </p:custDataLst>
          </p:nvPr>
        </p:nvSpPr>
        <p:spPr>
          <a:xfrm>
            <a:off x="0" y="28368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47" name="OTLSHAPE_T_9cde6d5d307b4df7b1464248cab7fef6_EndDate" hidden="1"/>
          <p:cNvSpPr txBox="1"/>
          <p:nvPr>
            <p:custDataLst>
              <p:tags r:id="rId31"/>
            </p:custDataLst>
          </p:nvPr>
        </p:nvSpPr>
        <p:spPr>
          <a:xfrm>
            <a:off x="0" y="28368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52" name="OTLSHAPE_T_6a6e7149661c4d98ae22b9a84a20c0cd_ShapePercentage" hidden="1"/>
          <p:cNvSpPr/>
          <p:nvPr>
            <p:custDataLst>
              <p:tags r:id="rId32"/>
            </p:custDataLst>
          </p:nvPr>
        </p:nvSpPr>
        <p:spPr>
          <a:xfrm>
            <a:off x="4223760" y="31670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53" name="OTLSHAPE_T_6a6e7149661c4d98ae22b9a84a20c0cd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31670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54" name="OTLSHAPE_T_6a6e7149661c4d98ae22b9a84a20c0cd_StartDate" hidden="1"/>
          <p:cNvSpPr txBox="1"/>
          <p:nvPr>
            <p:custDataLst>
              <p:tags r:id="rId34"/>
            </p:custDataLst>
          </p:nvPr>
        </p:nvSpPr>
        <p:spPr>
          <a:xfrm>
            <a:off x="0" y="31670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55" name="OTLSHAPE_T_6a6e7149661c4d98ae22b9a84a20c0cd_EndDate" hidden="1"/>
          <p:cNvSpPr txBox="1"/>
          <p:nvPr>
            <p:custDataLst>
              <p:tags r:id="rId35"/>
            </p:custDataLst>
          </p:nvPr>
        </p:nvSpPr>
        <p:spPr>
          <a:xfrm>
            <a:off x="0" y="31670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60" name="OTLSHAPE_T_d45e8f651eb34241b7613d55f188f72e_ShapePercentage" hidden="1"/>
          <p:cNvSpPr/>
          <p:nvPr>
            <p:custDataLst>
              <p:tags r:id="rId36"/>
            </p:custDataLst>
          </p:nvPr>
        </p:nvSpPr>
        <p:spPr>
          <a:xfrm>
            <a:off x="6628111" y="34972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61" name="OTLSHAPE_T_d45e8f651eb34241b7613d55f188f72e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34972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62" name="OTLSHAPE_T_d45e8f651eb34241b7613d55f188f72e_StartDate" hidden="1"/>
          <p:cNvSpPr txBox="1"/>
          <p:nvPr>
            <p:custDataLst>
              <p:tags r:id="rId38"/>
            </p:custDataLst>
          </p:nvPr>
        </p:nvSpPr>
        <p:spPr>
          <a:xfrm>
            <a:off x="0" y="34972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63" name="OTLSHAPE_T_d45e8f651eb34241b7613d55f188f72e_EndDate" hidden="1"/>
          <p:cNvSpPr txBox="1"/>
          <p:nvPr>
            <p:custDataLst>
              <p:tags r:id="rId39"/>
            </p:custDataLst>
          </p:nvPr>
        </p:nvSpPr>
        <p:spPr>
          <a:xfrm>
            <a:off x="0" y="349726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91" name="OTLSHAPE_T_a521783cf3084313af760cd9c2923e3c_Shape"/>
          <p:cNvSpPr/>
          <p:nvPr>
            <p:custDataLst>
              <p:tags r:id="rId40"/>
            </p:custDataLst>
          </p:nvPr>
        </p:nvSpPr>
        <p:spPr>
          <a:xfrm>
            <a:off x="712938" y="522214"/>
            <a:ext cx="3351392" cy="392174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T_a521783cf3084313af760cd9c2923e3c_Title"/>
          <p:cNvSpPr txBox="1"/>
          <p:nvPr>
            <p:custDataLst>
              <p:tags r:id="rId41"/>
            </p:custDataLst>
          </p:nvPr>
        </p:nvSpPr>
        <p:spPr>
          <a:xfrm>
            <a:off x="2021135" y="541221"/>
            <a:ext cx="85093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1</a:t>
            </a:r>
            <a:endParaRPr lang="en-US" sz="1200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93" name="OTLSHAPE_T_a521783cf3084313af760cd9c2923e3c_Shape"/>
          <p:cNvSpPr/>
          <p:nvPr>
            <p:custDataLst>
              <p:tags r:id="rId42"/>
            </p:custDataLst>
          </p:nvPr>
        </p:nvSpPr>
        <p:spPr>
          <a:xfrm>
            <a:off x="4065905" y="1416135"/>
            <a:ext cx="2119319" cy="36907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98" name="OTLSHAPE_T_a521783cf3084313af760cd9c2923e3c_Shape"/>
          <p:cNvSpPr/>
          <p:nvPr>
            <p:custDataLst>
              <p:tags r:id="rId43"/>
            </p:custDataLst>
          </p:nvPr>
        </p:nvSpPr>
        <p:spPr>
          <a:xfrm>
            <a:off x="4070145" y="1836584"/>
            <a:ext cx="1023920" cy="31356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T_a521783cf3084313af760cd9c2923e3c_Title"/>
          <p:cNvSpPr txBox="1"/>
          <p:nvPr>
            <p:custDataLst>
              <p:tags r:id="rId44"/>
            </p:custDataLst>
          </p:nvPr>
        </p:nvSpPr>
        <p:spPr>
          <a:xfrm>
            <a:off x="4177999" y="1883286"/>
            <a:ext cx="84649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2.1</a:t>
            </a:r>
            <a:endParaRPr lang="en-US" sz="1400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100" name="OTLSHAPE_T_c3d685d5ae854fb185925e527e534f28_RightVerticalConnector2"/>
          <p:cNvCxnSpPr/>
          <p:nvPr>
            <p:custDataLst>
              <p:tags r:id="rId45"/>
            </p:custDataLst>
          </p:nvPr>
        </p:nvCxnSpPr>
        <p:spPr>
          <a:xfrm>
            <a:off x="5097781" y="1982182"/>
            <a:ext cx="0" cy="234205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T_a521783cf3084313af760cd9c2923e3c_Title"/>
          <p:cNvSpPr txBox="1"/>
          <p:nvPr>
            <p:custDataLst>
              <p:tags r:id="rId46"/>
            </p:custDataLst>
          </p:nvPr>
        </p:nvSpPr>
        <p:spPr>
          <a:xfrm>
            <a:off x="4601245" y="1446781"/>
            <a:ext cx="107832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2</a:t>
            </a:r>
            <a:endParaRPr lang="en-US" sz="2000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08" name="OTLSHAPE_T_a521783cf3084313af760cd9c2923e3c_Shape"/>
          <p:cNvSpPr/>
          <p:nvPr>
            <p:custDataLst>
              <p:tags r:id="rId47"/>
            </p:custDataLst>
          </p:nvPr>
        </p:nvSpPr>
        <p:spPr>
          <a:xfrm>
            <a:off x="5097781" y="1833544"/>
            <a:ext cx="1096973" cy="31660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T_a521783cf3084313af760cd9c2923e3c_Title"/>
          <p:cNvSpPr txBox="1"/>
          <p:nvPr>
            <p:custDataLst>
              <p:tags r:id="rId48"/>
            </p:custDataLst>
          </p:nvPr>
        </p:nvSpPr>
        <p:spPr>
          <a:xfrm>
            <a:off x="5303479" y="1883286"/>
            <a:ext cx="66861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2.2</a:t>
            </a:r>
            <a:endParaRPr lang="en-US" sz="1400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115" name="OTLSHAPE_T_c3d685d5ae854fb185925e527e534f28_RightVerticalConnector2"/>
          <p:cNvCxnSpPr/>
          <p:nvPr>
            <p:custDataLst>
              <p:tags r:id="rId49"/>
            </p:custDataLst>
          </p:nvPr>
        </p:nvCxnSpPr>
        <p:spPr>
          <a:xfrm>
            <a:off x="6185225" y="1600671"/>
            <a:ext cx="5813" cy="2734748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_a521783cf3084313af760cd9c2923e3c_Shape"/>
          <p:cNvSpPr/>
          <p:nvPr>
            <p:custDataLst>
              <p:tags r:id="rId50"/>
            </p:custDataLst>
          </p:nvPr>
        </p:nvSpPr>
        <p:spPr>
          <a:xfrm>
            <a:off x="4065905" y="2668896"/>
            <a:ext cx="4093666" cy="356598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126" name="OTLSHAPE_T_a521783cf3084313af760cd9c2923e3c_Shape"/>
          <p:cNvSpPr/>
          <p:nvPr>
            <p:custDataLst>
              <p:tags r:id="rId51"/>
            </p:custDataLst>
          </p:nvPr>
        </p:nvSpPr>
        <p:spPr>
          <a:xfrm>
            <a:off x="4065149" y="3138483"/>
            <a:ext cx="2116359" cy="321587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a521783cf3084313af760cd9c2923e3c_Shape"/>
          <p:cNvSpPr/>
          <p:nvPr>
            <p:custDataLst>
              <p:tags r:id="rId52"/>
            </p:custDataLst>
          </p:nvPr>
        </p:nvSpPr>
        <p:spPr>
          <a:xfrm>
            <a:off x="6188941" y="3138482"/>
            <a:ext cx="1970629" cy="321587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T_a521783cf3084313af760cd9c2923e3c_Title"/>
          <p:cNvSpPr txBox="1"/>
          <p:nvPr>
            <p:custDataLst>
              <p:tags r:id="rId53"/>
            </p:custDataLst>
          </p:nvPr>
        </p:nvSpPr>
        <p:spPr>
          <a:xfrm>
            <a:off x="4724852" y="3188203"/>
            <a:ext cx="73456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4.1</a:t>
            </a:r>
            <a:endParaRPr lang="en-US" sz="1400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31" name="OTLSHAPE_T_a521783cf3084313af760cd9c2923e3c_Title"/>
          <p:cNvSpPr txBox="1"/>
          <p:nvPr>
            <p:custDataLst>
              <p:tags r:id="rId54"/>
            </p:custDataLst>
          </p:nvPr>
        </p:nvSpPr>
        <p:spPr>
          <a:xfrm>
            <a:off x="6747847" y="3188203"/>
            <a:ext cx="79920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4.2</a:t>
            </a:r>
            <a:endParaRPr lang="en-US" sz="1400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62" name="OTLSHAPE_T_9cde6d5d307b4df7b1464248cab7fef6_RightVerticalConnector2"/>
          <p:cNvCxnSpPr/>
          <p:nvPr>
            <p:custDataLst>
              <p:tags r:id="rId55"/>
            </p:custDataLst>
          </p:nvPr>
        </p:nvCxnSpPr>
        <p:spPr>
          <a:xfrm>
            <a:off x="8158825" y="2826045"/>
            <a:ext cx="745" cy="150937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T_a521783cf3084313af760cd9c2923e3c_Shape"/>
          <p:cNvSpPr/>
          <p:nvPr>
            <p:custDataLst>
              <p:tags r:id="rId56"/>
            </p:custDataLst>
          </p:nvPr>
        </p:nvSpPr>
        <p:spPr>
          <a:xfrm>
            <a:off x="722091" y="1047832"/>
            <a:ext cx="1727004" cy="31356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F12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a521783cf3084313af760cd9c2923e3c_Title"/>
          <p:cNvSpPr txBox="1"/>
          <p:nvPr>
            <p:custDataLst>
              <p:tags r:id="rId57"/>
            </p:custDataLst>
          </p:nvPr>
        </p:nvSpPr>
        <p:spPr>
          <a:xfrm>
            <a:off x="1195972" y="1091463"/>
            <a:ext cx="76204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1.1</a:t>
            </a:r>
            <a:endParaRPr lang="en-US" sz="1400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70" name="OTLSHAPE_T_a521783cf3084313af760cd9c2923e3c_Shape"/>
          <p:cNvSpPr/>
          <p:nvPr>
            <p:custDataLst>
              <p:tags r:id="rId58"/>
            </p:custDataLst>
          </p:nvPr>
        </p:nvSpPr>
        <p:spPr>
          <a:xfrm>
            <a:off x="2456674" y="1047832"/>
            <a:ext cx="1612867" cy="31356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F12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T_a521783cf3084313af760cd9c2923e3c_Title"/>
          <p:cNvSpPr txBox="1"/>
          <p:nvPr>
            <p:custDataLst>
              <p:tags r:id="rId59"/>
            </p:custDataLst>
          </p:nvPr>
        </p:nvSpPr>
        <p:spPr>
          <a:xfrm>
            <a:off x="2895564" y="1087525"/>
            <a:ext cx="76204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1.2</a:t>
            </a:r>
            <a:endParaRPr lang="en-US" sz="1400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72" name="OTLSHAPE_T_c3d685d5ae854fb185925e527e534f28_RightVerticalConnector2"/>
          <p:cNvCxnSpPr>
            <a:stCxn id="68" idx="0"/>
          </p:cNvCxnSpPr>
          <p:nvPr>
            <p:custDataLst>
              <p:tags r:id="rId60"/>
            </p:custDataLst>
          </p:nvPr>
        </p:nvCxnSpPr>
        <p:spPr>
          <a:xfrm>
            <a:off x="2449095" y="1204613"/>
            <a:ext cx="5074" cy="311962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T_a521783cf3084313af760cd9c2923e3c_Shape"/>
          <p:cNvSpPr/>
          <p:nvPr>
            <p:custDataLst>
              <p:tags r:id="rId61"/>
            </p:custDataLst>
          </p:nvPr>
        </p:nvSpPr>
        <p:spPr>
          <a:xfrm>
            <a:off x="720515" y="2256912"/>
            <a:ext cx="3338001" cy="36907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95" name="OTLSHAPE_T_a521783cf3084313af760cd9c2923e3c_Title"/>
          <p:cNvSpPr txBox="1"/>
          <p:nvPr>
            <p:custDataLst>
              <p:tags r:id="rId62"/>
            </p:custDataLst>
          </p:nvPr>
        </p:nvSpPr>
        <p:spPr>
          <a:xfrm>
            <a:off x="1907441" y="2287558"/>
            <a:ext cx="107832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3</a:t>
            </a:r>
            <a:endParaRPr lang="en-US" sz="2000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96" name="OTLSHAPE_T_a521783cf3084313af760cd9c2923e3c_Title"/>
          <p:cNvSpPr txBox="1"/>
          <p:nvPr>
            <p:custDataLst>
              <p:tags r:id="rId63"/>
            </p:custDataLst>
          </p:nvPr>
        </p:nvSpPr>
        <p:spPr>
          <a:xfrm>
            <a:off x="5552445" y="2680291"/>
            <a:ext cx="107832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4</a:t>
            </a:r>
            <a:endParaRPr lang="en-US" sz="2000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7" name="OTLSHAPE_T_c3d685d5ae854fb185925e527e534f28_RightVerticalConnector2"/>
          <p:cNvCxnSpPr>
            <a:stCxn id="80" idx="0"/>
          </p:cNvCxnSpPr>
          <p:nvPr>
            <p:custDataLst>
              <p:tags r:id="rId64"/>
            </p:custDataLst>
          </p:nvPr>
        </p:nvCxnSpPr>
        <p:spPr>
          <a:xfrm>
            <a:off x="10422096" y="3678784"/>
            <a:ext cx="0" cy="653289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T_a521783cf3084313af760cd9c2923e3c_Shape"/>
          <p:cNvSpPr/>
          <p:nvPr>
            <p:custDataLst>
              <p:tags r:id="rId65"/>
            </p:custDataLst>
          </p:nvPr>
        </p:nvSpPr>
        <p:spPr>
          <a:xfrm>
            <a:off x="8158824" y="3494248"/>
            <a:ext cx="2263272" cy="36907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81" name="OTLSHAPE_T_a521783cf3084313af760cd9c2923e3c_Title"/>
          <p:cNvSpPr txBox="1"/>
          <p:nvPr>
            <p:custDataLst>
              <p:tags r:id="rId66"/>
            </p:custDataLst>
          </p:nvPr>
        </p:nvSpPr>
        <p:spPr>
          <a:xfrm>
            <a:off x="8734949" y="3524894"/>
            <a:ext cx="107832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5</a:t>
            </a:r>
            <a:endParaRPr lang="en-US" sz="2000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83" name="OTLSHAPE_T_a521783cf3084313af760cd9c2923e3c_Shape"/>
          <p:cNvSpPr/>
          <p:nvPr>
            <p:custDataLst>
              <p:tags r:id="rId67"/>
            </p:custDataLst>
          </p:nvPr>
        </p:nvSpPr>
        <p:spPr>
          <a:xfrm>
            <a:off x="10422096" y="3881715"/>
            <a:ext cx="1044876" cy="36907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84" name="OTLSHAPE_T_a521783cf3084313af760cd9c2923e3c_Title"/>
          <p:cNvSpPr txBox="1"/>
          <p:nvPr>
            <p:custDataLst>
              <p:tags r:id="rId68"/>
            </p:custDataLst>
          </p:nvPr>
        </p:nvSpPr>
        <p:spPr>
          <a:xfrm>
            <a:off x="10245746" y="3881715"/>
            <a:ext cx="1391662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spc="-1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Task </a:t>
            </a:r>
            <a:r>
              <a:rPr lang="en-US" sz="2000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6</a:t>
            </a:r>
          </a:p>
        </p:txBody>
      </p:sp>
      <p:cxnSp>
        <p:nvCxnSpPr>
          <p:cNvPr id="85" name="OTLSHAPE_T_c3d685d5ae854fb185925e527e534f28_RightVerticalConnector2"/>
          <p:cNvCxnSpPr/>
          <p:nvPr>
            <p:custDataLst>
              <p:tags r:id="rId69"/>
            </p:custDataLst>
          </p:nvPr>
        </p:nvCxnSpPr>
        <p:spPr>
          <a:xfrm flipH="1">
            <a:off x="11465184" y="4050991"/>
            <a:ext cx="7602" cy="33316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4905668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/>
        </p:nvGraphicFramePr>
        <p:xfrm>
          <a:off x="996954" y="2086769"/>
          <a:ext cx="10198091" cy="3829050"/>
        </p:xfrm>
        <a:graphic>
          <a:graphicData uri="http://schemas.openxmlformats.org/drawingml/2006/table">
            <a:tbl>
              <a:tblPr/>
              <a:tblGrid>
                <a:gridCol w="485624">
                  <a:extLst>
                    <a:ext uri="{9D8B030D-6E8A-4147-A177-3AD203B41FA5}">
                      <a16:colId xmlns:a16="http://schemas.microsoft.com/office/drawing/2014/main" val="22485197"/>
                    </a:ext>
                  </a:extLst>
                </a:gridCol>
                <a:gridCol w="1333085">
                  <a:extLst>
                    <a:ext uri="{9D8B030D-6E8A-4147-A177-3AD203B41FA5}">
                      <a16:colId xmlns:a16="http://schemas.microsoft.com/office/drawing/2014/main" val="78043117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3387322833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627060470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361957976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2400320045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1452157035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3753209052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666020389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70682794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4115363684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3456447573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3396386369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17354336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3094020827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1744042633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3384991682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309626396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1875961159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283523957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1550393532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630534691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3421237929"/>
                    </a:ext>
                  </a:extLst>
                </a:gridCol>
                <a:gridCol w="380881">
                  <a:extLst>
                    <a:ext uri="{9D8B030D-6E8A-4147-A177-3AD203B41FA5}">
                      <a16:colId xmlns:a16="http://schemas.microsoft.com/office/drawing/2014/main" val="2564295703"/>
                    </a:ext>
                  </a:extLst>
                </a:gridCol>
              </a:tblGrid>
              <a:tr h="255270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Task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Tag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333F4F"/>
                    </a:solidFill>
                  </a:tcPr>
                </a:tc>
                <a:tc gridSpan="7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2019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gridSpan="12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202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202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40077237"/>
                  </a:ext>
                </a:extLst>
              </a:tr>
              <a:tr h="255270">
                <a:tc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Ju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Jul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Aug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Sep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Oc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Nov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Dec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Ja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Feb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Mar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Apr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Ma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Ju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Jul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Aug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Sep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Oc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Nov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Dec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Ja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Feb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HelveticaNeue" panose="00000400000000000000" pitchFamily="2" charset="0"/>
                        </a:rPr>
                        <a:t>Mar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33F4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50842896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898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Paper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898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96584548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2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5B5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Experimen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2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5B5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720983449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3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D0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Peripheral Simulatio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3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D0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40364280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4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A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Peripheral Experimen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4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A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20680431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5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4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Paper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6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5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400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215680303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6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4CAC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Tool Guide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6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4CAC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59621017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7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682B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Build Too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7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682B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37149478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8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5628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Paper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3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8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56287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67944857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9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E0B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Switch Platform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9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E0B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88858021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1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FC26C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Simulatio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1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FC26C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07941593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1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E943C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Experimen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1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E943C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976354422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12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56D2D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Paper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3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12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56D2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89941782"/>
                  </a:ext>
                </a:extLst>
              </a:tr>
              <a:tr h="25527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13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2788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Final Thesis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1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4"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HelveticaNeue" panose="00000400000000000000" pitchFamily="2" charset="0"/>
                        </a:rPr>
                        <a:t>13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2788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9732725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9422247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207077017"/>
              </p:ext>
            </p:extLst>
          </p:nvPr>
        </p:nvGraphicFramePr>
        <p:xfrm>
          <a:off x="990600" y="1565275"/>
          <a:ext cx="10210800" cy="372427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" name="Worksheet" r:id="rId3" imgW="10210677" imgH="3724105" progId="Excel.Sheet.12">
                  <p:embed/>
                </p:oleObj>
              </mc:Choice>
              <mc:Fallback>
                <p:oleObj name="Worksheet" r:id="rId3" imgW="10210677" imgH="3724105" progId="Excel.Sheet.12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990600" y="1565275"/>
                        <a:ext cx="10210800" cy="3724275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07816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0cnVlLCJWZXJzaW9uIjp7IiRpZCI6IjIiLCJWZXJzaW9uIjoiMy4wLjEiLCJPcmlnaW5hbEFzc2VtYmx5VmVyc2lvbiI6IjEuMDAuMDAuMDAiLCJFZGl0aW9uIjoiUGx1cyIsIklzUGx1c0VkaXRpb24iOnRydW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z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NywiRm9udE5hbWUiOiJDZW50dXJ5IEdvdGhpYy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yLCJHIjo3NiwiQiI6MzR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lbnR1cnkgR290aGlj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zOCwiRyI6MjM2LCJCIjoyMjV9fSwiQXBwZW5kWWVhck9uWWVhckNoYW5nZSI6dHJ1ZSwiRWxhcHNlZFRpbWVGb3JtYXQiOjEsIlRvZGF5TWFya2VyUG9zaXRpb24iOjMsIlF1aWNrUG9zaXRpb24iOjMsIkFic29sdXRlUG9zaXRpb24iOjM0MS41NzE0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lbnR1cnkgR290aGlj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ZW50dXJ5IEdvdGhpYyIsIklzQm9sZCI6ZmFsc2UsIklzSXRhbGljIjpmYWxzZSwiSXNVbmRlcmxpbmVkIjpmYWxzZSwiUGFyZW50U3R5bGUiOm51bGx9LCJBdXRvU2l6ZSI6MCwiRm9yZWdyb3VuZCI6eyIkaWQiOiI3NCIsIkNvbG9yIjp7IiRpZCI6Ijc1IiwiQSI6MjU1LCJSIjoxMTIsIkciOjE3MywiQiI6Nz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wLCJTaGFwZVRoaWNrbmVzcyI6Mi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jI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NlbnR1cnkgR290aGljIiwiSXNCb2xkIjpmYWxzZSwiSXNJdGFsaWMiOmZhbHNlLCJJc1VuZGVybGluZWQiOmZhbHNlLCJQYXJlbnRTdHlsZSI6bnVsbH0sIkF1dG9TaXplIjowLCJGb3JlZ3JvdW5kIjp7IiRpZCI6IjEwOSIsIkNvbG9yIjp7IiRpZCI6IjExMCIsIkEiOjI1NSwiUiI6MjU1LCJHIjoyNTUsIkIiOjI1NX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yMzEsIkciOjIzMCwiQiI6MjMw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lbnR1cnkgR290aGljIiwiSXNCb2xkIjpmYWxzZSwiSXNJdGFsaWMiOmZhbHNlLCJJc1VuZGVybGluZWQiOmZhbHNlLCJQYXJlbnRTdHlsZSI6eyIkcmVmIjoiNjYifX0sIkF1dG9TaXplIjowLCJGb3JlZ3JvdW5kIjp7IiRpZCI6IjEzNSIsIkNvbG9yIjp7IiRpZCI6IjEzNiIsIkEiOjI1NSwiUiI6NjgsIkciOjg0LCJCIjoxMDZ9fSwiTWF4V2lkdGgiOjY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lbnR1cnkgR290aGljIiwiSXNCb2xkIjpmYWxzZSwiSXNJdGFsaWMiOmZhbHNlLCJJc1VuZGVybGluZWQiOmZhbHNlLCJQYXJlbnRTdHlsZSI6eyIkcmVmIjoiNzMifX0sIkF1dG9TaXplIjowLCJGb3JlZ3JvdW5kIjp7IiRpZCI6IjE0MCIsIkNvbG9yIjp7IiRpZCI6IjE0MSIsIkEiOjI1NSwiUiI6MTY1LCJHIjoxNjUsIkIiOjE2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yIsIkxpbmVDb2xvciI6bnVsbCwiTGluZVdlaWdodCI6MC4wLCJMaW5lVHlwZSI6MCwiUGFyZW50U3R5bGUiOm51bGx9LCJQYXJlbnRTdHlsZSI6eyIkcmVmIjoiNjUifX0sIkRhdGVTdHlsZSI6eyIkaWQiOiIxNTgiLCJGb250U2V0dGluZ3MiOnsiJGlkIjoiMTU5IiwiRm9udFNpemUiOjksIkZvbnROYW1lIjoiQ2VudHVyeSBHb3RoaWMiLCJJc0JvbGQiOmZhbHNlLCJJc0l0YWxpYyI6ZmFsc2UsIklzVW5kZXJsaW5lZCI6ZmFsc2UsIlBhcmVudFN0eWxlIjp7IiRyZWYiOiI3MyJ9fSwiQXV0b1NpemUiOjAsIkZvcmVncm91bmQiOnsiJGlkIjoiMTYwIiwiQ29sb3IiOnsiJGlkIjoiMTYxIiwiQSI6MjU1LCJSIjoxNzgsIkciOjM4LCJCIjo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xNzgsIkciOjE0LCJCIjoxOH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iwiRm9udE5hbWUiOiJDZW50dXJ5IEdvdGhpYyIsIklzQm9sZCI6ZmFsc2UsIklzSXRhbGljIjpmYWxzZSwiSXNVbmRlcmxpbmVkIjpmYWxzZSwiUGFyZW50U3R5bGUiOnsiJHJlZiI6IjY2In19LCJBdXRvU2l6ZSI6MCwiRm9yZWdyb3VuZCI6eyIkaWQiOiIxNzUiLCJDb2xvciI6eyIkaWQiOiIxNzYiLCJBIjoyNTUsIlIiOjY4LCJHIjo4NCwiQiI6MTA2fX0sIk1heFdpZHRoIjo2O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5LCJGb250TmFtZSI6IkNlbnR1cnkgR290aGljIiwiSXNCb2xkIjpmYWxzZSwiSXNJdGFsaWMiOmZhbHNlLCJJc1VuZGVybGluZWQiOmZhbHNlLCJQYXJlbnRTdHlsZSI6eyIkcmVmIjoiNzMifX0sIkF1dG9TaXplIjowLCJGb3JlZ3JvdW5kIjp7IiRpZCI6IjE4MCIsIkNvbG9yIjp7IiRpZCI6IjE4MSIsIkEiOjI1NSwiUiI6MTc4LCJHIjozOCwiQiI6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3IiwiTGluZUNvbG9yIjpudWxsLCJMaW5lV2VpZ2h0IjowLjAsIkxpbmVUeXBlIjowLCJQYXJlbnRTdHlsZSI6bnVsbH0sIlBhcmVudFN0eWxlIjp7IiRyZWYiOiI2NSJ9fSwiRGF0ZVN0eWxlIjp7IiRpZCI6IjE5OCIsIkZvbnRTZXR0aW5ncyI6eyIkaWQiOiIxOTkiLCJGb250U2l6ZSI6OSwiRm9udE5hbWUiOiJDZW50dXJ5IEdvdGhpYyIsIklzQm9sZCI6dHJ1ZSwiSXNJdGFsaWMiOmZhbHNlLCJJc1VuZGVybGluZWQiOmZhbHNlLCJQYXJlbnRTdHlsZSI6eyIkcmVmIjoiNzMifX0sIkF1dG9TaXplIjowLCJGb3JlZ3JvdW5kIjp7IiRpZCI6IjIwMCIsIkNvbG9yIjp7IiRpZCI6IjIwMSIsIkEiOjI1NSwiUiI6MCwiRyI6MCwiQiI6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xMCwiRm9udE5hbWUiOiJDZW50dXJ5IEdvdGhpYyIsIklzQm9sZCI6ZmFsc2UsIklzSXRhbGljIjpmYWxzZSwiSXNVbmRlcmxpbmVkIjpmYWxzZSwiUGFyZW50U3R5bGUiOnsiJHJlZiI6IjczIn19LCJBdXRvU2l6ZSI6MCwiRm9yZWdyb3VuZCI6eyIkaWQiOiIyMjAiLCJDb2xvciI6eyIkaWQiOiIyMjEiLCJBIjoyNTUsIlIiOjE2NSwiRyI6MTY1LCJCIjoxNj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OSwiRm9udE5hbWUiOiJDYWxpYnJpIiwiSXNCb2xkIjpmYWxzZSwiSXNJdGFsaWMiOmZhbHNlLCJJc1VuZGVybGluZWQiOmZhbHNlLCJQYXJlbnRTdHlsZSI6eyIkcmVmIjoiODkifX0sIkF1dG9TaXplIjowLCJGb3JlZ3JvdW5kIjp7IiRpZCI6IjIzMCIsIkNvbG9yIjp7IiRpZCI6IjIzMS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0IiwiTGluZUNvbG9yIjpudWxsLCJMaW5lV2VpZ2h0IjowLjAsIkxpbmVUeXBlIjowLCJQYXJlbnRTdHlsZSI6bnVsbH0sIlBhcmVudFN0eWxlIjp7IiRyZWYiOiIxMDcifX0sIkRhdGVTdHlsZSI6eyIkaWQiOiIyNDUiLCJGb250U2V0dGluZ3MiOnsiJGlkIjoiMjQ2IiwiRm9udFNpemUiOjksIkZvbnROYW1lIjoiQ2VudHVyeSBHb3RoaWMiLCJJc0JvbGQiOmZhbHNlLCJJc0l0YWxpYyI6ZmFsc2UsIklzVW5kZXJsaW5lZCI6ZmFsc2UsIlBhcmVudFN0eWxlIjp7IiRyZWYiOiIxMTUifX0sIkF1dG9TaXplIjowLCJGb3JlZ3JvdW5kIjp7IiRpZCI6IjI0NyIsIkNvbG9yIjp7IiRpZCI6IjI0OCIsIkEiOjI1NSwiUiI6MTE1LCJHIjoxMTUsIkIiOjEx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NSIsIkxpbmVDb2xvciI6bnVsbCwiTGluZVdlaWdodCI6MC4wLCJMaW5lVHlwZSI6MCwiUGFyZW50U3R5bGUiOm51bGx9LCJQYXJlbnRTdHlsZSI6eyIkcmVmIjoiODEifX0sIkR1cmF0aW9uU3R5bGUiOnsiJGlkIjoiMjU2IiwiRm9udFNldHRpbmdzIjp7IiRpZCI6IjI1NyIsIkZvbnRTaXplIjo5LCJGb250TmFtZSI6IkNhbGlicmkiLCJJc0JvbGQiOmZhbHNlLCJJc0l0YWxpYyI6ZmFsc2UsIklzVW5kZXJsaW5lZCI6ZmFsc2UsIlBhcmVudFN0eWxlIjp7IiRyZWYiOiI4OSJ9fSwiQXV0b1NpemUiOjAsIkZvcmVncm91bmQiOnsiJGlkIjoiMjU4IiwiQ29sb3IiOnsiJGlkIjoiMjU5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IiLCJMaW5lQ29sb3IiOm51bGwsIkxpbmVXZWlnaHQiOjAuMCwiTGluZVR5cGUiOjAsIlBhcmVudFN0eWxlIjpudWxsfSwiUGFyZW50U3R5bGUiOnsiJHJlZiI6IjEwNyJ9fSwiRGF0ZVN0eWxlIjp7IiRpZCI6IjI3MyIsIkZvbnRTZXR0aW5ncyI6eyIkaWQiOiIyNzQiLCJGb250U2l6ZSI6OSwiRm9udE5hbWUiOiJDZW50dXJ5IEdvdGhpYyIsIklzQm9sZCI6ZmFsc2UsIklzSXRhbGljIjpmYWxzZSwiSXNVbmRlcmxpbmVkIjpmYWxzZSwiUGFyZW50U3R5bGUiOnsiJHJlZiI6IjExNSJ9fSwiQXV0b1NpemUiOjAsIkZvcmVncm91bmQiOnsiJGlkIjoiMjc1IiwiQ29sb3IiOnsiJGlkIjoiMjc2IiwiQSI6MjU1LCJSIjoxMTUsIkciOjExNSwiQiI6MTE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zIiwiTGluZUNvbG9yIjpudWxsLCJMaW5lV2VpZ2h0IjowLjAsIkxpbmVUeXBlIjowLCJQYXJlbnRTdHlsZSI6bnVsbH0sIlBhcmVudFN0eWxlIjp7IiRyZWYiOiI4MSJ9fSwiRHVyYXRpb25TdHlsZSI6eyIkaWQiOiIyODQiLCJGb250U2V0dGluZ3MiOnsiJGlkIjoiMjg1IiwiRm9udFNpemUiOjksIkZvbnROYW1lIjoiQ2FsaWJyaSIsIklzQm9sZCI6ZmFsc2UsIklzSXRhbGljIjpmYWxzZSwiSXNVbmRlcmxpbmVkIjpmYWxzZSwiUGFyZW50U3R5bGUiOnsiJHJlZiI6Ijg5In19LCJBdXRvU2l6ZSI6MCwiRm9yZWdyb3VuZCI6eyIkaWQiOiIyODYiLCJDb2xvciI6eyIkaWQiOiIyODc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AwIiwiTGluZUNvbG9yIjpudWxsLCJMaW5lV2VpZ2h0IjowLjAsIkxpbmVUeXBlIjowLCJQYXJlbnRTdHlsZSI6bnVsbH0sIlBhcmVudFN0eWxlIjp7IiRyZWYiOiIxMDcifX0sIkRhdGVTdHlsZSI6eyIkaWQiOiIzMDEiLCJGb250U2V0dGluZ3MiOnsiJGlkIjoiMzAyIiwiRm9udFNpemUiOjksIkZvbnROYW1lIjoiQ2VudHVyeSBHb3RoaWMiLCJJc0JvbGQiOmZhbHNlLCJJc0l0YWxpYyI6ZmFsc2UsIklzVW5kZXJsaW5lZCI6ZmFsc2UsIlBhcmVudFN0eWxlIjp7IiRyZWYiOiIxMTUifX0sIkF1dG9TaXplIjowLCJGb3JlZ3JvdW5kIjp7IiRpZCI6IjMwMyIsIkNvbG9yIjp7IiRpZCI6IjMwNCIsIkEiOjI1NSwiUiI6MTE1LCJHIjoxMTUsIkIiOjEx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MSIsIkxpbmVDb2xvciI6bnVsbCwiTGluZVdlaWdodCI6MC4wLCJMaW5lVHlwZSI6MCwiUGFyZW50U3R5bGUiOm51bGx9LCJQYXJlbnRTdHlsZSI6eyIkcmVmIjoiODEifX0sIkR1cmF0aW9uU3R5bGUiOnsiJGlkIjoiMzEyIiwiRm9udFNldHRpbmdzIjp7IiRpZCI6IjMxMyIsIkZvbnRTaXplIjo5LCJGb250TmFtZSI6IkNhbGlicmkiLCJJc0JvbGQiOmZhbHNlLCJJc0l0YWxpYyI6ZmFsc2UsIklzVW5kZXJsaW5lZCI6ZmFsc2UsIlBhcmVudFN0eWxlIjp7IiRyZWYiOiI4OSJ9fSwiQXV0b1NpemUiOjAsIkZvcmVncm91bmQiOnsiJGlkIjoiMzE0IiwiQ29sb3IiOnsiJGlkIjoiMzE1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jgiLCJMaW5lQ29sb3IiOm51bGwsIkxpbmVXZWlnaHQiOjAuMCwiTGluZVR5cGUiOjAsIlBhcmVudFN0eWxlIjpudWxsfSwiUGFyZW50U3R5bGUiOnsiJHJlZiI6IjEwNyJ9fSwiRGF0ZVN0eWxlIjp7IiRpZCI6IjMyOSIsIkZvbnRTZXR0aW5ncyI6eyIkaWQiOiIzMzAiLCJGb250U2l6ZSI6OSwiRm9udE5hbWUiOiJDZW50dXJ5IEdvdGhpYyIsIklzQm9sZCI6ZmFsc2UsIklzSXRhbGljIjpmYWxzZSwiSXNVbmRlcmxpbmVkIjpmYWxzZSwiUGFyZW50U3R5bGUiOnsiJHJlZiI6IjExNSJ9fSwiQXV0b1NpemUiOjAsIkZvcmVncm91bmQiOnsiJGlkIjoiMzMxIiwiQ29sb3IiOnsiJGlkIjoiMzMyIiwiQSI6MjU1LCJSIjoxMTUsIkciOjExNSwiQiI6MTE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5IiwiTGluZUNvbG9yIjpudWxsLCJMaW5lV2VpZ2h0IjowLjAsIkxpbmVUeXBlIjowLCJQYXJlbnRTdHlsZSI6bnVsbH0sIlBhcmVudFN0eWxlIjp7IiRyZWYiOiI4MSJ9fSwiRHVyYXRpb25TdHlsZSI6eyIkaWQiOiIzNDAiLCJGb250U2V0dGluZ3MiOnsiJGlkIjoiMzQxIiwiRm9udFNpemUiOjksIkZvbnROYW1lIjoiQ2FsaWJyaSIsIklzQm9sZCI6ZmFsc2UsIklzSXRhbGljIjpmYWxzZSwiSXNVbmRlcmxpbmVkIjpmYWxzZSwiUGFyZW50U3R5bGUiOnsiJHJlZiI6Ijg5In19LCJBdXRvU2l6ZSI6MCwiRm9yZWdyb3VuZCI6eyIkaWQiOiIzNDIiLCJDb2xvciI6eyIkaWQiOiIzNDM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1NiIsIkxpbmVDb2xvciI6bnVsbCwiTGluZVdlaWdodCI6MC4wLCJMaW5lVHlwZSI6MCwiUGFyZW50U3R5bGUiOm51bGx9LCJQYXJlbnRTdHlsZSI6eyIkcmVmIjoiMTA3In19LCJEYXRlU3R5bGUiOnsiJGlkIjoiMzU3IiwiRm9udFNldHRpbmdzIjp7IiRpZCI6IjM1OCIsIkZvbnRTaXplIjo5LCJGb250TmFtZSI6IkNlbnR1cnkgR290aGljIiwiSXNCb2xkIjpmYWxzZSwiSXNJdGFsaWMiOmZhbHNlLCJJc1VuZGVybGluZWQiOmZhbHNlLCJQYXJlbnRTdHlsZSI6eyIkcmVmIjoiMTE1In19LCJBdXRvU2l6ZSI6MCwiRm9yZWdyb3VuZCI6eyIkaWQiOiIzNTkiLCJDb2xvciI6eyIkaWQiOiIzNjAiLCJBIjoyNTUsIlIiOjExNSwiRyI6MTE1LCJCIjoxMT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Custom 41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12</Words>
  <Application>Microsoft Office PowerPoint</Application>
  <PresentationFormat>Widescreen</PresentationFormat>
  <Paragraphs>347</Paragraphs>
  <Slides>3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0" baseType="lpstr">
      <vt:lpstr>Arial</vt:lpstr>
      <vt:lpstr>Calibri</vt:lpstr>
      <vt:lpstr>Calibri Light</vt:lpstr>
      <vt:lpstr>Century Gothic</vt:lpstr>
      <vt:lpstr>HelveticaNeue</vt:lpstr>
      <vt:lpstr>1_Office Theme</vt:lpstr>
      <vt:lpstr>Microsoft Excel Workshee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0:55Z</dcterms:created>
  <dcterms:modified xsi:type="dcterms:W3CDTF">2019-06-26T15:50:38Z</dcterms:modified>
</cp:coreProperties>
</file>